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sur la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de niveau supérieur,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si l'on sélectionne Trainingland, qui correspond au niveau pays de notre hiérarchie, nous verrons alors toutes les données saisies pour Trainingland.</a:t>
            </a:r>
            <a:r>
              <a:rPr dirty="0" err="1" lang="en-US" noProof="0" sz="1200"/>
            </a:r>
            <a:r>
              <a:rPr dirty="0" lang="en-US" noProof="0" sz="1200"/>
            </a:r>
            <a:r>
              <a:rPr dirty="0" err="1" lang="en-US" noProof="0" sz="1200"/>
            </a:r>
            <a:r>
              <a:rPr dirty="0" lang="en-US" noProof="0" sz="1200"/>
            </a:r>
          </a:p>
          <a:p>
            <a:endParaRPr dirty="0" lang="en-US" noProof="0" sz="1200"/>
          </a:p>
          <a:p txid="c66866564e4b8a394c3697d99757bf1a">
            <a:r>
              <a:rPr dirty="0" lang="en-US" noProof="0" sz="1200"/>
              <a:t>La hiérarchie de l'unité d'organisation prend en charge les sélections multiples. Il suffit d'agrandi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 à un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ayant point vert à côté sont associées aux éléments de données sélectionnés dans la visualisation. Cela signifie que l'élément de données sélectionné est certainement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Introduction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